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2-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2-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oeterwou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6FCAD97-A2E3-FE23-289D-F7DCB0791FE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0025" y="4541361"/>
            <a:ext cx="2428912"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549275"/>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6FCAD97-A2E3-FE23-289D-F7DCB0791FE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7731" y="3580633"/>
            <a:ext cx="2135549" cy="184938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5-02-28T15:17:04Z</dcterms:modified>
</cp:coreProperties>
</file>